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s1300183\Desktop\"/>
    </mc:Choice>
  </mc:AlternateContent>
  <bookViews>
    <workbookView xWindow="0" yWindow="0" windowWidth="23040" windowHeight="9156"/>
  </bookViews>
  <sheets>
    <sheet name="Sheet2" sheetId="2" r:id="rId1"/>
  </sheets>
  <definedNames>
    <definedName name="_xlnm.Print_Titles" localSheetId="0">Sheet2!$2:$2</definedName>
  </definedNames>
  <calcPr calcId="162913"/>
</workbook>
</file>

<file path=xl/sharedStrings.xml><?xml version="1.0" encoding="utf-8"?>
<sst xmlns="http://schemas.openxmlformats.org/spreadsheetml/2006/main" count="98" uniqueCount="87">
  <si>
    <t>○</t>
  </si>
  <si>
    <t>參加者配備</t>
    <phoneticPr fontId="1" type="noConversion"/>
  </si>
  <si>
    <t>○</t>
    <phoneticPr fontId="1" type="noConversion"/>
  </si>
  <si>
    <t>三峰旅行社有限公司 
統編:28556161
地址:苗栗縣通霄鎮梅南里1鄰南和路2段8巷19號1樓037-750199</t>
    <phoneticPr fontId="1" type="noConversion"/>
  </si>
  <si>
    <t>主辦單位配備
（業者配備）</t>
    <phoneticPr fontId="1" type="noConversion"/>
  </si>
  <si>
    <t>當日無行程</t>
    <phoneticPr fontId="1" type="noConversion"/>
  </si>
  <si>
    <t>○</t>
    <phoneticPr fontId="1" type="noConversion"/>
  </si>
  <si>
    <t>有無退費規定</t>
    <phoneticPr fontId="1" type="noConversion"/>
  </si>
  <si>
    <t>業者資料</t>
    <phoneticPr fontId="1" type="noConversion"/>
  </si>
  <si>
    <t>溯溪參與人保險</t>
    <phoneticPr fontId="1" type="noConversion"/>
  </si>
  <si>
    <t>行前教育
或說明</t>
    <phoneticPr fontId="1" type="noConversion"/>
  </si>
  <si>
    <t xml:space="preserve">○
安全頭盔、救生衣、溯溪鞋
</t>
    <phoneticPr fontId="1" type="noConversion"/>
  </si>
  <si>
    <t>○
1位帶領5人</t>
    <phoneticPr fontId="1" type="noConversion"/>
  </si>
  <si>
    <t>馬拉桑休閒開發事業(溯溪王) 
統編:10538819
地址:花蓮縣吉安鄉北昌村北昌4街26巷7號1樓03-8530222、0980-576000</t>
    <phoneticPr fontId="1" type="noConversion"/>
  </si>
  <si>
    <t xml:space="preserve">○
安全頭盔.救生衣.溯溪鞋;
增加防寒衣
</t>
    <phoneticPr fontId="1" type="noConversion"/>
  </si>
  <si>
    <t>承威育樂企業社(阿諾溯溪)
統編:41016527
地址:花蓮縣新城鄉嘉新村嘉新路178之3號0922711345</t>
    <phoneticPr fontId="1" type="noConversion"/>
  </si>
  <si>
    <t xml:space="preserve">○
安全頭盔、救生衣、溯溪鞋；增加手套、防寒衣
 </t>
    <phoneticPr fontId="1" type="noConversion"/>
  </si>
  <si>
    <t>教練及指導員 
現場出示證照        配置人數</t>
    <phoneticPr fontId="1" type="noConversion"/>
  </si>
  <si>
    <t>編
號</t>
    <phoneticPr fontId="1" type="noConversion"/>
  </si>
  <si>
    <t>查核
地點</t>
    <phoneticPr fontId="1" type="noConversion"/>
  </si>
  <si>
    <r>
      <t xml:space="preserve">○
安全頭盔.救生衣.溯溪防滑鞋;增加長袖防寒衣
</t>
    </r>
    <r>
      <rPr>
        <sz val="12"/>
        <color theme="1"/>
        <rFont val="新細明體"/>
        <family val="1"/>
        <charset val="136"/>
        <scheme val="minor"/>
      </rPr>
      <t/>
    </r>
    <phoneticPr fontId="1" type="noConversion"/>
  </si>
  <si>
    <t>當日無行程</t>
  </si>
  <si>
    <t>當日無行程</t>
    <phoneticPr fontId="1" type="noConversion"/>
  </si>
  <si>
    <t xml:space="preserve">    ○</t>
    <phoneticPr fontId="1" type="noConversion"/>
  </si>
  <si>
    <t xml:space="preserve">            ○ 
安全頭盔.激流救生衣.溯溪鞋；增加全身長袖防寒衣.安全吊帶.勾環.溯溪專用手套.防水背包
</t>
    <phoneticPr fontId="1" type="noConversion"/>
  </si>
  <si>
    <t xml:space="preserve">            ○
投保團體旅遊平安險(200萬意外險及10萬醫療險)
</t>
    <phoneticPr fontId="1" type="noConversion"/>
  </si>
  <si>
    <t xml:space="preserve">                    ○
學員取消活動，需於7日前通知，其餘謝絕退費。不可抗力因素可選擇延期或退款，需扣除行政費100元。</t>
    <phoneticPr fontId="1" type="noConversion"/>
  </si>
  <si>
    <t xml:space="preserve">                     ○ 
一、出發前72小時取消報名，需收取全額20%手續費；出發前24小時取消報名，需收取全額30%手續費，出發前當天取消訂單、集合逾時，因個人因素脫隊及未通知不參加，不退費。
二、因天災、颱風等不可抗力之因素而被迫取消行程，延期或全額退費。</t>
    <phoneticPr fontId="1" type="noConversion"/>
  </si>
  <si>
    <t xml:space="preserve">                      ○
消費者前一日取消活動全額退費，如因天災、颱風等不可抗力之因素而被迫取消行程，全額退費。</t>
    <phoneticPr fontId="1" type="noConversion"/>
  </si>
  <si>
    <t>○
投保溯溪活動旅行平安險200萬及10萬醫療險</t>
    <phoneticPr fontId="1" type="noConversion"/>
  </si>
  <si>
    <r>
      <t xml:space="preserve"> ○
</t>
    </r>
    <r>
      <rPr>
        <b/>
        <u/>
        <sz val="14"/>
        <rFont val="標楷體"/>
        <family val="4"/>
        <charset val="136"/>
      </rPr>
      <t>投保00產物溯溪及生態導覽活動公共意外責任險</t>
    </r>
    <r>
      <rPr>
        <b/>
        <sz val="14"/>
        <rFont val="標楷體"/>
        <family val="4"/>
        <charset val="136"/>
      </rPr>
      <t>與旅遊平安旅遊險(300萬公共意外責任險及30萬旅平險及3萬醫療險)、一件意外事故1500萬</t>
    </r>
    <phoneticPr fontId="1" type="noConversion"/>
  </si>
  <si>
    <t>○
團體旅遊行平安險(200萬意外險+20萬醫療險)</t>
    <phoneticPr fontId="1" type="noConversion"/>
  </si>
  <si>
    <t>○
團體旅遊平安險(200萬意外險 / 20萬醫療險)，總保額2200萬元</t>
    <phoneticPr fontId="1" type="noConversion"/>
  </si>
  <si>
    <t>○
旅行業責任險(200萬、醫療險20萬)</t>
    <phoneticPr fontId="1" type="noConversion"/>
  </si>
  <si>
    <t>○
  旅行平安險(200萬、醫療險20萬)</t>
    <phoneticPr fontId="1" type="noConversion"/>
  </si>
  <si>
    <t xml:space="preserve">                     ○
          同旅遊定型化契約退費規定</t>
    <phoneticPr fontId="1" type="noConversion"/>
  </si>
  <si>
    <t xml:space="preserve">                     ○
報名後因個人因素無法參加可選擇延期。如須退費，活動30日前退90%，7日前告知退70%，1日前告知退50%，當日未到恕不退費。因天候因素由教練判斷無法成行者，於活動前1日通知，參加者可選擇延期，或退費90%。</t>
    <phoneticPr fontId="1" type="noConversion"/>
  </si>
  <si>
    <t xml:space="preserve">                     ○
簽定國內旅遊定型化契約範本，依約定退費</t>
    <phoneticPr fontId="1" type="noConversion"/>
  </si>
  <si>
    <t xml:space="preserve">                     ○
1.活動日前14天以前提出取消，每筆退款扣100元行政費用，餘額全退。
2.活動日前7-14日提出取消，退85%費用。
3.活動日前2-7日提出取消，退70%費用。
4.活動當天或前一天提出取消，恕不受理。
5.可接受換人，不另收費用。最遲請於活動前一天中午以前告知。活動當天恕不接受臨時換人。
6.關於不可抗力所造成之延期，可無限期保留名額擇日再辦。或選擇取消，退90%費用。可僅退部分人員。</t>
    <phoneticPr fontId="1" type="noConversion"/>
  </si>
  <si>
    <t xml:space="preserve">                     ○
消費者活動前無正當理由解約，全額退費。 不可抗力全退。</t>
    <phoneticPr fontId="1" type="noConversion"/>
  </si>
  <si>
    <t xml:space="preserve">                     ○
        依國內旅遊定型化契約規定辦理</t>
    <phoneticPr fontId="1" type="noConversion"/>
  </si>
  <si>
    <t>伊利特企業管理顧問股份有限公司統編:12798190
地址:臺北市大同區太原路97巷18號0911-277889</t>
    <phoneticPr fontId="1" type="noConversion"/>
  </si>
  <si>
    <t xml:space="preserve">          ○
補送中華民國水中運動協會丙級溯溪教練證</t>
    <phoneticPr fontId="1" type="noConversion"/>
  </si>
  <si>
    <t xml:space="preserve">   ○
2位帶領6人</t>
    <phoneticPr fontId="1" type="noConversion"/>
  </si>
  <si>
    <t xml:space="preserve">    ○
1位帶領5人</t>
    <phoneticPr fontId="1" type="noConversion"/>
  </si>
  <si>
    <t>當日
無行程</t>
    <phoneticPr fontId="1" type="noConversion"/>
  </si>
  <si>
    <t>當日
無行程</t>
    <phoneticPr fontId="1" type="noConversion"/>
  </si>
  <si>
    <t xml:space="preserve">            ○
安全頭盔、救生衣、溯溪鞋;增加溯溪手套、防寒衣</t>
    <phoneticPr fontId="1" type="noConversion"/>
  </si>
  <si>
    <t xml:space="preserve">   以手機通訊及定位</t>
    <phoneticPr fontId="1" type="noConversion"/>
  </si>
  <si>
    <t xml:space="preserve">   以手機及無線電
      通訊及定位</t>
    <phoneticPr fontId="1" type="noConversion"/>
  </si>
  <si>
    <t xml:space="preserve">    ○
2位帶領  10人</t>
    <phoneticPr fontId="1" type="noConversion"/>
  </si>
  <si>
    <t xml:space="preserve">   ○
3位帶領                            11人</t>
    <phoneticPr fontId="1" type="noConversion"/>
  </si>
  <si>
    <t xml:space="preserve">    ○
12位帶領 60 人</t>
    <phoneticPr fontId="1" type="noConversion"/>
  </si>
  <si>
    <t xml:space="preserve">○
當日無行程
倉庫中有安全頭盔.救生衣.溯溪防滑鞋.防水袋、浮標.浮力繩.長袖防寒衣
</t>
    <phoneticPr fontId="1" type="noConversion"/>
  </si>
  <si>
    <t xml:space="preserve">            ○
       當日無行程
倉庫中有安全頭盔.救生衣.溯溪防滑鞋
</t>
    <phoneticPr fontId="1" type="noConversion"/>
  </si>
  <si>
    <t xml:space="preserve">           ○
補送中華民國海洋安全暨冒險學習發展學會
丙級溯溪教練證</t>
    <phoneticPr fontId="1" type="noConversion"/>
  </si>
  <si>
    <t xml:space="preserve">            ○
安全頭盔.救生衣.溯溪鞋；增加溯溪手套.長袖防寒衣
</t>
    <phoneticPr fontId="1" type="noConversion"/>
  </si>
  <si>
    <t xml:space="preserve"> ○
補送中華民國水中運動協會丙級溯溪教練證</t>
    <phoneticPr fontId="1" type="noConversion"/>
  </si>
  <si>
    <r>
      <t xml:space="preserve"> </t>
    </r>
    <r>
      <rPr>
        <sz val="14"/>
        <color theme="1"/>
        <rFont val="標楷體"/>
        <family val="4"/>
        <charset val="136"/>
      </rPr>
      <t>○</t>
    </r>
    <r>
      <rPr>
        <b/>
        <sz val="14"/>
        <color theme="1"/>
        <rFont val="標楷體"/>
        <family val="4"/>
        <charset val="136"/>
      </rPr>
      <t xml:space="preserve">
</t>
    </r>
    <r>
      <rPr>
        <b/>
        <u/>
        <sz val="14"/>
        <color theme="1"/>
        <rFont val="標楷體"/>
        <family val="4"/>
        <charset val="136"/>
      </rPr>
      <t>投保溯溪公共意外責任險</t>
    </r>
    <r>
      <rPr>
        <b/>
        <sz val="14"/>
        <color theme="1"/>
        <rFont val="標楷體"/>
        <family val="4"/>
        <charset val="136"/>
      </rPr>
      <t>(1人體傷300萬及1件意外事故2400萬元)</t>
    </r>
    <phoneticPr fontId="1" type="noConversion"/>
  </si>
  <si>
    <t>○</t>
    <phoneticPr fontId="1" type="noConversion"/>
  </si>
  <si>
    <t xml:space="preserve">           ○ 
補送中華民國水上救生協會救生員、中華民國緊急救護技術員協會初級救護員及美國消防協會水中救援技術員1級證照
</t>
    <phoneticPr fontId="1" type="noConversion"/>
  </si>
  <si>
    <r>
      <rPr>
        <sz val="14"/>
        <rFont val="標楷體"/>
        <family val="4"/>
        <charset val="136"/>
      </rPr>
      <t xml:space="preserve"> ○</t>
    </r>
    <r>
      <rPr>
        <sz val="16"/>
        <rFont val="標楷體"/>
        <family val="4"/>
        <charset val="136"/>
      </rPr>
      <t xml:space="preserve"> </t>
    </r>
    <r>
      <rPr>
        <sz val="14"/>
        <rFont val="標楷體"/>
        <family val="4"/>
        <charset val="136"/>
      </rPr>
      <t xml:space="preserve">
補送中華民國海爆協會水上救生員證、中華民國水上救生協會救生員證、</t>
    </r>
    <r>
      <rPr>
        <sz val="14"/>
        <color rgb="FFFF0000"/>
        <rFont val="標楷體"/>
        <family val="4"/>
        <charset val="136"/>
      </rPr>
      <t xml:space="preserve">
</t>
    </r>
    <phoneticPr fontId="1" type="noConversion"/>
  </si>
  <si>
    <r>
      <t>○</t>
    </r>
    <r>
      <rPr>
        <sz val="14"/>
        <rFont val="標楷體"/>
        <family val="4"/>
        <charset val="136"/>
      </rPr>
      <t xml:space="preserve">                                         補送國際急流救生證照
</t>
    </r>
    <phoneticPr fontId="1" type="noConversion"/>
  </si>
  <si>
    <t xml:space="preserve">                     ○
              </t>
    <phoneticPr fontId="1" type="noConversion"/>
  </si>
  <si>
    <t xml:space="preserve">苗     
栗
縣
打
比
厝
溪
</t>
    <phoneticPr fontId="1" type="noConversion"/>
  </si>
  <si>
    <t>苗
栗
縣
打
比
厝
溪</t>
    <phoneticPr fontId="1" type="noConversion"/>
  </si>
  <si>
    <t>○
當日無行程
都投保00產物保險旅遊平安險(含200萬意外險+20萬醫療險)</t>
    <phoneticPr fontId="1" type="noConversion"/>
  </si>
  <si>
    <t xml:space="preserve"> ○
當日無行程
旅行業責任險(400萬、醫療險20萬)</t>
    <phoneticPr fontId="1" type="noConversion"/>
  </si>
  <si>
    <t xml:space="preserve">一、○表示符合，╳表示不符合。
二、本次查核10家，現場進行溯溪活動8家(編號1.2.3.4.5.6.7.8)，另2家(編號9.10)查核當日無溯溪行程，僅瞭解配備、保險及退費問題。2家不符合規定，情形如下:
(一)伊利特企業管理顧問股份有限公司(編號1)，未補溯溪相關證照或水域等證照及帶領人數不足。
(二)帶領人賴先生(編號2)，攜帶醫藥箱內之藥品過期、未補溯溪或水域等證照及帶領人數不足。
三、其餘情形如下:
(一)業者均有行前教育說明。
(二)8家業者現場均未提示教練及指導員證照(編號1.2.3.4.5.6.7.8)，有6家嗣後補送(編號3.4.5.6.7.8)、2家未補送(編號1.2)。 
(三)溯溪配備部分:1、提供參與者配備：10家業者均符合規定，備有安全頭盔、救生衣及溯溪鞋。2、業者配備物品：8家業者均以手機為通訊器材。
(四)10家均有保險，其中有2家投保公共意外責任險，並投保團體意外險或旅遊平安險(編號6.8)，其餘2家業者分別有投保旅行業強制責任險(如編號1.10)。其他6家(編號
     2.3.4.5.7.9)投保旅遊平安險或團體傷害險。
(五)10家業者有退費約定。
</t>
    <phoneticPr fontId="1" type="noConversion"/>
  </si>
  <si>
    <t xml:space="preserve">╳
無證照
(輔導中)
</t>
    <phoneticPr fontId="1" type="noConversion"/>
  </si>
  <si>
    <t xml:space="preserve">   以手機通訊及定位
醫藥箱2種藥品過期(已改善)</t>
    <phoneticPr fontId="1" type="noConversion"/>
  </si>
  <si>
    <t>當日
無行程</t>
    <phoneticPr fontId="1" type="noConversion"/>
  </si>
  <si>
    <t>當日
無行程</t>
    <phoneticPr fontId="1" type="noConversion"/>
  </si>
  <si>
    <t xml:space="preserve">花
蓮
縣
砂
婆
礑
溪
</t>
    <phoneticPr fontId="1" type="noConversion"/>
  </si>
  <si>
    <t xml:space="preserve">新
竹
縣
梅
花
溪
</t>
    <phoneticPr fontId="1" type="noConversion"/>
  </si>
  <si>
    <t>新
北
市
老
梅
溪</t>
    <phoneticPr fontId="1" type="noConversion"/>
  </si>
  <si>
    <t>屏
東
縣
牛
角
溪</t>
    <phoneticPr fontId="1" type="noConversion"/>
  </si>
  <si>
    <t>台灣戶外探索股份有限公司
(台灣戶外探索學校)
統編:28161771 
地址:新竹縣竹北市成功二街98號03-6588588、0932-939060</t>
    <phoneticPr fontId="1" type="noConversion"/>
  </si>
  <si>
    <t>溪遊記活動企劃企業社(溪遊記)
統編:10534573
地址:花蓮縣花蓮市國聯里國民2街14號1樓03-8321790、0955986236</t>
    <phoneticPr fontId="1" type="noConversion"/>
  </si>
  <si>
    <t>武林帖開發有限公司(武林帖)
統編:27812311
地址:新北市永和區永平路81巷12號7樓之12  03-5842200、0913-086373</t>
    <phoneticPr fontId="1" type="noConversion"/>
  </si>
  <si>
    <t>山嵐野趣企業社 (山嵐野趣)
統編:37579144
地址:台南市中西區仙草里健康路1段376號1樓0958-349910</t>
    <phoneticPr fontId="1" type="noConversion"/>
  </si>
  <si>
    <t>山岩水休閒活動有限公司
(沙蛙溯溪)
統編:53957501
地址臺北市內湖區民權東路6段264號10樓02-29949678、0909-312882</t>
    <phoneticPr fontId="1" type="noConversion"/>
  </si>
  <si>
    <t xml:space="preserve">賴先生                                    台北市士林區士東路20號4樓
0938-026260
</t>
    <phoneticPr fontId="1" type="noConversion"/>
  </si>
  <si>
    <t xml:space="preserve">╳
無證照
(輔導中)
</t>
    <phoneticPr fontId="1" type="noConversion"/>
  </si>
  <si>
    <t>╳
2位帶領
17人
(輔導中)</t>
    <phoneticPr fontId="1" type="noConversion"/>
  </si>
  <si>
    <t>╳
2位帶領
15人
(輔導中)</t>
    <phoneticPr fontId="1" type="noConversion"/>
  </si>
  <si>
    <r>
      <t xml:space="preserve">                                                                   </t>
    </r>
    <r>
      <rPr>
        <b/>
        <sz val="18"/>
        <color theme="1"/>
        <rFont val="標楷體"/>
        <family val="4"/>
        <charset val="136"/>
      </rPr>
      <t xml:space="preserve">  溯溪活動安全查核彙整表</t>
    </r>
    <phoneticPr fontId="1" type="noConversion"/>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2"/>
      <color theme="1"/>
      <name val="新細明體"/>
      <family val="2"/>
      <charset val="136"/>
      <scheme val="minor"/>
    </font>
    <font>
      <sz val="9"/>
      <name val="新細明體"/>
      <family val="2"/>
      <charset val="136"/>
      <scheme val="minor"/>
    </font>
    <font>
      <sz val="12"/>
      <color theme="1"/>
      <name val="新細明體"/>
      <family val="1"/>
      <charset val="136"/>
      <scheme val="minor"/>
    </font>
    <font>
      <sz val="12"/>
      <color theme="1"/>
      <name val="標楷體"/>
      <family val="4"/>
      <charset val="136"/>
    </font>
    <font>
      <sz val="14"/>
      <color theme="1"/>
      <name val="標楷體"/>
      <family val="4"/>
      <charset val="136"/>
    </font>
    <font>
      <sz val="14"/>
      <color rgb="FF333333"/>
      <name val="標楷體"/>
      <family val="4"/>
      <charset val="136"/>
    </font>
    <font>
      <sz val="14"/>
      <name val="標楷體"/>
      <family val="4"/>
      <charset val="136"/>
    </font>
    <font>
      <sz val="14"/>
      <color rgb="FFFF0000"/>
      <name val="標楷體"/>
      <family val="4"/>
      <charset val="136"/>
    </font>
    <font>
      <b/>
      <sz val="14"/>
      <color theme="1"/>
      <name val="標楷體"/>
      <family val="4"/>
      <charset val="136"/>
    </font>
    <font>
      <b/>
      <u/>
      <sz val="14"/>
      <color theme="1"/>
      <name val="標楷體"/>
      <family val="4"/>
      <charset val="136"/>
    </font>
    <font>
      <b/>
      <u/>
      <sz val="14"/>
      <name val="標楷體"/>
      <family val="4"/>
      <charset val="136"/>
    </font>
    <font>
      <b/>
      <sz val="14"/>
      <name val="標楷體"/>
      <family val="4"/>
      <charset val="136"/>
    </font>
    <font>
      <sz val="16"/>
      <color theme="1"/>
      <name val="標楷體"/>
      <family val="4"/>
      <charset val="136"/>
    </font>
    <font>
      <sz val="16"/>
      <name val="標楷體"/>
      <family val="4"/>
      <charset val="136"/>
    </font>
    <font>
      <b/>
      <sz val="18"/>
      <color theme="1"/>
      <name val="標楷體"/>
      <family val="4"/>
      <charset val="136"/>
    </font>
  </fonts>
  <fills count="5">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theme="2"/>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s>
  <cellStyleXfs count="1">
    <xf numFmtId="0" fontId="0" fillId="0" borderId="0">
      <alignment vertical="center"/>
    </xf>
  </cellStyleXfs>
  <cellXfs count="37">
    <xf numFmtId="0" fontId="0" fillId="0" borderId="0" xfId="0">
      <alignment vertical="center"/>
    </xf>
    <xf numFmtId="0" fontId="0" fillId="0" borderId="0" xfId="0" applyAlignment="1">
      <alignment vertical="center"/>
    </xf>
    <xf numFmtId="0" fontId="3" fillId="0" borderId="0" xfId="0" applyFont="1" applyAlignment="1">
      <alignment vertical="center"/>
    </xf>
    <xf numFmtId="0" fontId="5" fillId="2" borderId="1" xfId="0" applyFont="1" applyFill="1" applyBorder="1" applyAlignment="1">
      <alignment vertical="center" wrapText="1"/>
    </xf>
    <xf numFmtId="0" fontId="4" fillId="2" borderId="1" xfId="0" applyFont="1" applyFill="1" applyBorder="1" applyAlignment="1">
      <alignment vertical="top" wrapText="1"/>
    </xf>
    <xf numFmtId="0" fontId="8" fillId="3" borderId="1" xfId="0" applyFont="1" applyFill="1" applyBorder="1" applyAlignment="1">
      <alignment horizontal="center" vertical="center" wrapText="1"/>
    </xf>
    <xf numFmtId="0" fontId="8" fillId="2" borderId="1" xfId="0" applyFont="1" applyFill="1" applyBorder="1" applyAlignment="1">
      <alignment horizontal="center" vertical="center" wrapText="1"/>
    </xf>
    <xf numFmtId="0" fontId="4" fillId="2" borderId="1" xfId="0" applyFont="1" applyFill="1" applyBorder="1" applyAlignment="1">
      <alignment vertical="top"/>
    </xf>
    <xf numFmtId="0" fontId="7" fillId="2" borderId="1" xfId="0" applyFont="1" applyFill="1" applyBorder="1" applyAlignment="1">
      <alignment horizontal="center" vertical="top" wrapText="1"/>
    </xf>
    <xf numFmtId="0" fontId="4" fillId="2" borderId="1" xfId="0" applyFont="1" applyFill="1" applyBorder="1" applyAlignment="1">
      <alignment horizontal="center" vertical="top"/>
    </xf>
    <xf numFmtId="0" fontId="4" fillId="2" borderId="1" xfId="0" applyFont="1" applyFill="1" applyBorder="1" applyAlignment="1">
      <alignment horizontal="center" vertical="top" wrapText="1"/>
    </xf>
    <xf numFmtId="0" fontId="4" fillId="2" borderId="1" xfId="0" applyFont="1" applyFill="1" applyBorder="1" applyAlignment="1">
      <alignment horizontal="left" vertical="top" wrapText="1"/>
    </xf>
    <xf numFmtId="0" fontId="6" fillId="2" borderId="1" xfId="0" applyFont="1" applyFill="1" applyBorder="1" applyAlignment="1">
      <alignment horizontal="center" vertical="top" wrapText="1"/>
    </xf>
    <xf numFmtId="0" fontId="0" fillId="0" borderId="7" xfId="0" applyBorder="1">
      <alignment vertical="center"/>
    </xf>
    <xf numFmtId="0" fontId="8" fillId="0" borderId="1" xfId="0" applyFont="1" applyBorder="1" applyAlignment="1">
      <alignment horizontal="center" vertical="center" wrapText="1"/>
    </xf>
    <xf numFmtId="0" fontId="8" fillId="0" borderId="6" xfId="0" applyFont="1" applyBorder="1" applyAlignment="1">
      <alignment vertical="center"/>
    </xf>
    <xf numFmtId="0" fontId="8" fillId="0" borderId="7" xfId="0" applyFont="1" applyBorder="1" applyAlignment="1">
      <alignment vertical="center"/>
    </xf>
    <xf numFmtId="0" fontId="8" fillId="2" borderId="1" xfId="0" applyFont="1" applyFill="1" applyBorder="1" applyAlignment="1">
      <alignment horizontal="center" vertical="top" wrapText="1"/>
    </xf>
    <xf numFmtId="0" fontId="6" fillId="2" borderId="1" xfId="0" applyFont="1" applyFill="1" applyBorder="1" applyAlignment="1">
      <alignment vertical="top" wrapText="1"/>
    </xf>
    <xf numFmtId="0" fontId="8" fillId="4" borderId="1" xfId="0" applyFont="1" applyFill="1" applyBorder="1" applyAlignment="1">
      <alignment horizontal="center" vertical="center" wrapText="1"/>
    </xf>
    <xf numFmtId="0" fontId="4" fillId="4" borderId="1" xfId="0" applyFont="1" applyFill="1" applyBorder="1" applyAlignment="1">
      <alignment vertical="top" wrapText="1"/>
    </xf>
    <xf numFmtId="0" fontId="4" fillId="4" borderId="1" xfId="0" applyFont="1" applyFill="1" applyBorder="1" applyAlignment="1">
      <alignment horizontal="center" vertical="top" wrapText="1"/>
    </xf>
    <xf numFmtId="0" fontId="4" fillId="4" borderId="1" xfId="0" applyFont="1" applyFill="1" applyBorder="1" applyAlignment="1">
      <alignment horizontal="left" vertical="top" wrapText="1"/>
    </xf>
    <xf numFmtId="0" fontId="8" fillId="4" borderId="2" xfId="0" applyFont="1" applyFill="1" applyBorder="1" applyAlignment="1">
      <alignment horizontal="center" vertical="center" wrapText="1"/>
    </xf>
    <xf numFmtId="0" fontId="4" fillId="4" borderId="2" xfId="0" applyFont="1" applyFill="1" applyBorder="1" applyAlignment="1">
      <alignment vertical="center" wrapText="1"/>
    </xf>
    <xf numFmtId="0" fontId="4" fillId="4" borderId="2" xfId="0" applyFont="1" applyFill="1" applyBorder="1" applyAlignment="1">
      <alignment horizontal="center" vertical="top" wrapText="1"/>
    </xf>
    <xf numFmtId="0" fontId="4" fillId="4" borderId="2" xfId="0" applyFont="1" applyFill="1" applyBorder="1" applyAlignment="1">
      <alignment horizontal="left" vertical="top" wrapText="1"/>
    </xf>
    <xf numFmtId="0" fontId="12" fillId="0" borderId="6" xfId="0" applyFont="1" applyBorder="1" applyAlignment="1">
      <alignment vertical="center" wrapText="1"/>
    </xf>
    <xf numFmtId="0" fontId="4" fillId="0" borderId="7" xfId="0" applyFont="1" applyBorder="1" applyAlignment="1">
      <alignment vertical="center" wrapText="1"/>
    </xf>
    <xf numFmtId="0" fontId="4" fillId="0" borderId="4" xfId="0" applyFont="1" applyBorder="1" applyAlignment="1">
      <alignment vertical="center" wrapText="1"/>
    </xf>
    <xf numFmtId="0" fontId="8" fillId="2" borderId="7" xfId="0" applyFont="1" applyFill="1" applyBorder="1" applyAlignment="1">
      <alignment vertical="center"/>
    </xf>
    <xf numFmtId="0" fontId="8" fillId="2" borderId="4" xfId="0" applyFont="1" applyFill="1" applyBorder="1" applyAlignment="1">
      <alignment vertical="center"/>
    </xf>
    <xf numFmtId="0" fontId="8" fillId="0" borderId="2" xfId="0" applyFont="1" applyBorder="1" applyAlignment="1">
      <alignment horizontal="center" vertical="center" wrapText="1"/>
    </xf>
    <xf numFmtId="0" fontId="4" fillId="0" borderId="3" xfId="0" applyFont="1" applyBorder="1" applyAlignment="1">
      <alignment horizontal="center" vertical="center" wrapText="1"/>
    </xf>
    <xf numFmtId="0" fontId="4" fillId="0" borderId="5" xfId="0" applyFont="1" applyBorder="1" applyAlignment="1">
      <alignment horizontal="center" vertical="center" wrapText="1"/>
    </xf>
    <xf numFmtId="0" fontId="8" fillId="2" borderId="1" xfId="0" applyFont="1" applyFill="1" applyBorder="1" applyAlignment="1">
      <alignment horizontal="center" vertical="center" wrapText="1"/>
    </xf>
    <xf numFmtId="0" fontId="4" fillId="2" borderId="1" xfId="0" applyFont="1" applyFill="1" applyBorder="1" applyAlignment="1">
      <alignment horizontal="center" vertical="center" wrapText="1"/>
    </xf>
  </cellXfs>
  <cellStyles count="1">
    <cellStyle name="一般"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5"/>
  <sheetViews>
    <sheetView tabSelected="1" view="pageBreakPreview" zoomScale="70" zoomScaleNormal="85" zoomScaleSheetLayoutView="70" workbookViewId="0">
      <selection activeCell="C1" sqref="C1:J1"/>
    </sheetView>
  </sheetViews>
  <sheetFormatPr defaultRowHeight="16.2" x14ac:dyDescent="0.3"/>
  <cols>
    <col min="1" max="2" width="6.44140625" style="1" customWidth="1"/>
    <col min="3" max="3" width="36.6640625" style="2" customWidth="1"/>
    <col min="4" max="4" width="12.109375" customWidth="1"/>
    <col min="5" max="5" width="29.77734375" customWidth="1"/>
    <col min="6" max="6" width="12.6640625" customWidth="1"/>
    <col min="7" max="7" width="33" bestFit="1" customWidth="1"/>
    <col min="8" max="8" width="28.6640625" customWidth="1"/>
    <col min="9" max="9" width="31.44140625" customWidth="1"/>
    <col min="10" max="10" width="58.88671875" customWidth="1"/>
  </cols>
  <sheetData>
    <row r="1" spans="1:10" ht="39.6" customHeight="1" x14ac:dyDescent="0.3">
      <c r="A1" s="15"/>
      <c r="B1" s="16"/>
      <c r="C1" s="30" t="s">
        <v>86</v>
      </c>
      <c r="D1" s="30"/>
      <c r="E1" s="30"/>
      <c r="F1" s="30"/>
      <c r="G1" s="30"/>
      <c r="H1" s="30"/>
      <c r="I1" s="30"/>
      <c r="J1" s="31"/>
    </row>
    <row r="2" spans="1:10" ht="52.2" customHeight="1" x14ac:dyDescent="0.3">
      <c r="A2" s="14" t="s">
        <v>19</v>
      </c>
      <c r="B2" s="14" t="s">
        <v>18</v>
      </c>
      <c r="C2" s="6" t="s">
        <v>8</v>
      </c>
      <c r="D2" s="6" t="s">
        <v>10</v>
      </c>
      <c r="E2" s="35" t="s">
        <v>17</v>
      </c>
      <c r="F2" s="36"/>
      <c r="G2" s="6" t="s">
        <v>1</v>
      </c>
      <c r="H2" s="6" t="s">
        <v>4</v>
      </c>
      <c r="I2" s="6" t="s">
        <v>9</v>
      </c>
      <c r="J2" s="6" t="s">
        <v>7</v>
      </c>
    </row>
    <row r="3" spans="1:10" ht="85.8" customHeight="1" x14ac:dyDescent="0.3">
      <c r="A3" s="32" t="s">
        <v>75</v>
      </c>
      <c r="B3" s="14">
        <v>1</v>
      </c>
      <c r="C3" s="3" t="s">
        <v>41</v>
      </c>
      <c r="D3" s="9" t="s">
        <v>2</v>
      </c>
      <c r="E3" s="10" t="s">
        <v>83</v>
      </c>
      <c r="F3" s="10" t="s">
        <v>84</v>
      </c>
      <c r="G3" s="10" t="s">
        <v>16</v>
      </c>
      <c r="H3" s="4" t="s">
        <v>48</v>
      </c>
      <c r="I3" s="10" t="s">
        <v>33</v>
      </c>
      <c r="J3" s="11" t="s">
        <v>37</v>
      </c>
    </row>
    <row r="4" spans="1:10" ht="76.2" customHeight="1" x14ac:dyDescent="0.3">
      <c r="A4" s="33"/>
      <c r="B4" s="14">
        <v>2</v>
      </c>
      <c r="C4" s="4" t="s">
        <v>82</v>
      </c>
      <c r="D4" s="9" t="s">
        <v>6</v>
      </c>
      <c r="E4" s="10" t="s">
        <v>69</v>
      </c>
      <c r="F4" s="10" t="s">
        <v>85</v>
      </c>
      <c r="G4" s="10" t="s">
        <v>11</v>
      </c>
      <c r="H4" s="4" t="s">
        <v>70</v>
      </c>
      <c r="I4" s="10" t="s">
        <v>34</v>
      </c>
      <c r="J4" s="11" t="s">
        <v>63</v>
      </c>
    </row>
    <row r="5" spans="1:10" ht="129.6" customHeight="1" x14ac:dyDescent="0.3">
      <c r="A5" s="5" t="s">
        <v>74</v>
      </c>
      <c r="B5" s="5">
        <v>3</v>
      </c>
      <c r="C5" s="4" t="s">
        <v>77</v>
      </c>
      <c r="D5" s="10" t="s">
        <v>59</v>
      </c>
      <c r="E5" s="4" t="s">
        <v>60</v>
      </c>
      <c r="F5" s="4" t="s">
        <v>50</v>
      </c>
      <c r="G5" s="4" t="s">
        <v>47</v>
      </c>
      <c r="H5" s="4" t="s">
        <v>48</v>
      </c>
      <c r="I5" s="10" t="s">
        <v>31</v>
      </c>
      <c r="J5" s="4" t="s">
        <v>36</v>
      </c>
    </row>
    <row r="6" spans="1:10" ht="156" customHeight="1" x14ac:dyDescent="0.3">
      <c r="A6" s="6" t="s">
        <v>64</v>
      </c>
      <c r="B6" s="6">
        <v>4</v>
      </c>
      <c r="C6" s="4" t="s">
        <v>81</v>
      </c>
      <c r="D6" s="7" t="s">
        <v>23</v>
      </c>
      <c r="E6" s="8" t="s">
        <v>61</v>
      </c>
      <c r="F6" s="4" t="s">
        <v>51</v>
      </c>
      <c r="G6" s="4" t="s">
        <v>56</v>
      </c>
      <c r="H6" s="4" t="s">
        <v>49</v>
      </c>
      <c r="I6" s="12" t="s">
        <v>32</v>
      </c>
      <c r="J6" s="4" t="s">
        <v>38</v>
      </c>
    </row>
    <row r="7" spans="1:10" ht="114" customHeight="1" x14ac:dyDescent="0.3">
      <c r="A7" s="5" t="s">
        <v>76</v>
      </c>
      <c r="B7" s="5">
        <v>5</v>
      </c>
      <c r="C7" s="4" t="s">
        <v>80</v>
      </c>
      <c r="D7" s="4" t="s">
        <v>23</v>
      </c>
      <c r="E7" s="4" t="s">
        <v>55</v>
      </c>
      <c r="F7" s="4" t="s">
        <v>52</v>
      </c>
      <c r="G7" s="4" t="s">
        <v>24</v>
      </c>
      <c r="H7" s="4" t="s">
        <v>48</v>
      </c>
      <c r="I7" s="4" t="s">
        <v>25</v>
      </c>
      <c r="J7" s="4" t="s">
        <v>26</v>
      </c>
    </row>
    <row r="8" spans="1:10" ht="138.6" customHeight="1" x14ac:dyDescent="0.3">
      <c r="A8" s="32" t="s">
        <v>73</v>
      </c>
      <c r="B8" s="14">
        <v>6</v>
      </c>
      <c r="C8" s="4" t="s">
        <v>13</v>
      </c>
      <c r="D8" s="10" t="s">
        <v>0</v>
      </c>
      <c r="E8" s="10" t="s">
        <v>57</v>
      </c>
      <c r="F8" s="10" t="s">
        <v>12</v>
      </c>
      <c r="G8" s="10" t="s">
        <v>20</v>
      </c>
      <c r="H8" s="4" t="s">
        <v>48</v>
      </c>
      <c r="I8" s="17" t="s">
        <v>58</v>
      </c>
      <c r="J8" s="4" t="s">
        <v>27</v>
      </c>
    </row>
    <row r="9" spans="1:10" ht="88.2" customHeight="1" x14ac:dyDescent="0.3">
      <c r="A9" s="34"/>
      <c r="B9" s="14">
        <v>7</v>
      </c>
      <c r="C9" s="18" t="s">
        <v>78</v>
      </c>
      <c r="D9" s="12" t="s">
        <v>0</v>
      </c>
      <c r="E9" s="12" t="s">
        <v>62</v>
      </c>
      <c r="F9" s="4" t="s">
        <v>43</v>
      </c>
      <c r="G9" s="10" t="s">
        <v>14</v>
      </c>
      <c r="H9" s="4" t="s">
        <v>48</v>
      </c>
      <c r="I9" s="12" t="s">
        <v>29</v>
      </c>
      <c r="J9" s="4" t="s">
        <v>28</v>
      </c>
    </row>
    <row r="10" spans="1:10" ht="99.6" customHeight="1" x14ac:dyDescent="0.3">
      <c r="A10" s="33"/>
      <c r="B10" s="14">
        <v>8</v>
      </c>
      <c r="C10" s="4" t="s">
        <v>15</v>
      </c>
      <c r="D10" s="4" t="s">
        <v>23</v>
      </c>
      <c r="E10" s="4" t="s">
        <v>42</v>
      </c>
      <c r="F10" s="4" t="s">
        <v>44</v>
      </c>
      <c r="G10" s="10" t="s">
        <v>14</v>
      </c>
      <c r="H10" s="4" t="s">
        <v>48</v>
      </c>
      <c r="I10" s="12" t="s">
        <v>30</v>
      </c>
      <c r="J10" s="4" t="s">
        <v>35</v>
      </c>
    </row>
    <row r="11" spans="1:10" ht="129.6" customHeight="1" x14ac:dyDescent="0.3">
      <c r="A11" s="19" t="s">
        <v>74</v>
      </c>
      <c r="B11" s="19">
        <v>9</v>
      </c>
      <c r="C11" s="20" t="s">
        <v>79</v>
      </c>
      <c r="D11" s="21" t="s">
        <v>72</v>
      </c>
      <c r="E11" s="21" t="s">
        <v>5</v>
      </c>
      <c r="F11" s="21" t="s">
        <v>45</v>
      </c>
      <c r="G11" s="21" t="s">
        <v>53</v>
      </c>
      <c r="H11" s="21" t="s">
        <v>5</v>
      </c>
      <c r="I11" s="21" t="s">
        <v>66</v>
      </c>
      <c r="J11" s="22" t="s">
        <v>39</v>
      </c>
    </row>
    <row r="12" spans="1:10" ht="136.19999999999999" customHeight="1" x14ac:dyDescent="0.3">
      <c r="A12" s="23" t="s">
        <v>65</v>
      </c>
      <c r="B12" s="23">
        <v>10</v>
      </c>
      <c r="C12" s="24" t="s">
        <v>3</v>
      </c>
      <c r="D12" s="25" t="s">
        <v>71</v>
      </c>
      <c r="E12" s="25" t="s">
        <v>21</v>
      </c>
      <c r="F12" s="25" t="s">
        <v>46</v>
      </c>
      <c r="G12" s="26" t="s">
        <v>54</v>
      </c>
      <c r="H12" s="25" t="s">
        <v>22</v>
      </c>
      <c r="I12" s="25" t="s">
        <v>67</v>
      </c>
      <c r="J12" s="26" t="s">
        <v>40</v>
      </c>
    </row>
    <row r="13" spans="1:10" s="13" customFormat="1" ht="271.8" customHeight="1" x14ac:dyDescent="0.3">
      <c r="A13" s="27" t="s">
        <v>68</v>
      </c>
      <c r="B13" s="28"/>
      <c r="C13" s="28"/>
      <c r="D13" s="28"/>
      <c r="E13" s="28"/>
      <c r="F13" s="28"/>
      <c r="G13" s="28"/>
      <c r="H13" s="28"/>
      <c r="I13" s="28"/>
      <c r="J13" s="29"/>
    </row>
    <row r="15" spans="1:10" ht="72" customHeight="1" x14ac:dyDescent="0.3"/>
  </sheetData>
  <mergeCells count="5">
    <mergeCell ref="A13:J13"/>
    <mergeCell ref="C1:J1"/>
    <mergeCell ref="A3:A4"/>
    <mergeCell ref="A8:A10"/>
    <mergeCell ref="E2:F2"/>
  </mergeCells>
  <phoneticPr fontId="1" type="noConversion"/>
  <pageMargins left="0.78740157480314965" right="0.78740157480314965" top="0.94488188976377963" bottom="0.94488188976377963" header="0.31496062992125984" footer="0.31496062992125984"/>
  <pageSetup paperSize="8" scale="5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工作表</vt:lpstr>
      </vt:variant>
      <vt:variant>
        <vt:i4>1</vt:i4>
      </vt:variant>
      <vt:variant>
        <vt:lpstr>已命名的範圍</vt:lpstr>
      </vt:variant>
      <vt:variant>
        <vt:i4>1</vt:i4>
      </vt:variant>
    </vt:vector>
  </HeadingPairs>
  <TitlesOfParts>
    <vt:vector size="2" baseType="lpstr">
      <vt:lpstr>Sheet2</vt:lpstr>
      <vt:lpstr>Sheet2!Print_Titles</vt:lpstr>
    </vt:vector>
  </TitlesOfParts>
  <Company>E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17-10-25T01:40:10Z</cp:lastPrinted>
  <dcterms:created xsi:type="dcterms:W3CDTF">2017-06-27T02:37:11Z</dcterms:created>
  <dcterms:modified xsi:type="dcterms:W3CDTF">2017-10-25T01:42:29Z</dcterms:modified>
</cp:coreProperties>
</file>